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の推移\R4\HP\"/>
    </mc:Choice>
  </mc:AlternateContent>
  <xr:revisionPtr revIDLastSave="0" documentId="8_{1670C26F-885A-48E7-87A9-DDAD53C3B6BC}" xr6:coauthVersionLast="47" xr6:coauthVersionMax="47" xr10:uidLastSave="{00000000-0000-0000-0000-000000000000}"/>
  <bookViews>
    <workbookView xWindow="-108" yWindow="-108" windowWidth="23256" windowHeight="12576" xr2:uid="{33D22829-CD79-4A69-9998-2AE29CE5514B}"/>
  </bookViews>
  <sheets>
    <sheet name="３．（２) 富山地域人口増減率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富山地域地区別人口増減率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（</a:t>
            </a:r>
            <a:r>
              <a:rPr lang="en-US" altLang="ja-JP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R4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/</a:t>
            </a:r>
            <a:r>
              <a:rPr lang="en-US" altLang="ja-JP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R3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）</a:t>
            </a:r>
          </a:p>
        </c:rich>
      </c:tx>
      <c:layout>
        <c:manualLayout>
          <c:xMode val="edge"/>
          <c:yMode val="edge"/>
          <c:x val="0.33720213053951337"/>
          <c:y val="2.0338999692102972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5.1925336330631289E-2"/>
          <c:y val="0.17209749396079588"/>
          <c:w val="0.90815273477812175"/>
          <c:h val="0.81694915254237288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[1]地区別人口・世帯集計表 (集計用)'!$I$2</c:f>
              <c:strCache>
                <c:ptCount val="1"/>
                <c:pt idx="0">
                  <c:v>人口の
増減率
（R04/R03）</c:v>
                </c:pt>
              </c:strCache>
            </c:strRef>
          </c:tx>
          <c:spPr>
            <a:solidFill>
              <a:srgbClr val="99CCFF"/>
            </a:solidFill>
            <a:ln w="25400">
              <a:noFill/>
            </a:ln>
          </c:spPr>
          <c:invertIfNegative val="0"/>
          <c:dLbls>
            <c:dLbl>
              <c:idx val="0"/>
              <c:layout>
                <c:manualLayout>
                  <c:x val="-9.6760596934692702E-4"/>
                  <c:y val="-4.8678136544407356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6184-424D-B66F-23C49BEE4C3E}"/>
                </c:ext>
              </c:extLst>
            </c:dLbl>
            <c:dLbl>
              <c:idx val="1"/>
              <c:layout>
                <c:manualLayout>
                  <c:x val="-1.2895990687266945E-3"/>
                  <c:y val="2.9628377336630863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6184-424D-B66F-23C49BEE4C3E}"/>
                </c:ext>
              </c:extLst>
            </c:dLbl>
            <c:dLbl>
              <c:idx val="2"/>
              <c:layout>
                <c:manualLayout>
                  <c:x val="-2.4380534667456833E-3"/>
                  <c:y val="1.0804489602734084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6184-424D-B66F-23C49BEE4C3E}"/>
                </c:ext>
              </c:extLst>
            </c:dLbl>
            <c:dLbl>
              <c:idx val="3"/>
              <c:layout>
                <c:manualLayout>
                  <c:x val="-1.2920756899181241E-3"/>
                  <c:y val="3.900741915457289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6184-424D-B66F-23C49BEE4C3E}"/>
                </c:ext>
              </c:extLst>
            </c:dLbl>
            <c:dLbl>
              <c:idx val="4"/>
              <c:layout>
                <c:manualLayout>
                  <c:x val="-4.0724156959045753E-6"/>
                  <c:y val="1.7592063287170355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6184-424D-B66F-23C49BEE4C3E}"/>
                </c:ext>
              </c:extLst>
            </c:dLbl>
            <c:dLbl>
              <c:idx val="5"/>
              <c:layout>
                <c:manualLayout>
                  <c:x val="1.4118738283584885E-4"/>
                  <c:y val="2.5574297247938512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6184-424D-B66F-23C49BEE4C3E}"/>
                </c:ext>
              </c:extLst>
            </c:dLbl>
            <c:dLbl>
              <c:idx val="6"/>
              <c:layout>
                <c:manualLayout>
                  <c:x val="-5.8388260040031842E-4"/>
                  <c:y val="-5.8053194170400828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6184-424D-B66F-23C49BEE4C3E}"/>
                </c:ext>
              </c:extLst>
            </c:dLbl>
            <c:dLbl>
              <c:idx val="7"/>
              <c:layout>
                <c:manualLayout>
                  <c:x val="-3.8760234489696008E-3"/>
                  <c:y val="-2.928506887458739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2.795632332175332E-2"/>
                      <c:h val="2.6123852975115099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07-6184-424D-B66F-23C49BEE4C3E}"/>
                </c:ext>
              </c:extLst>
            </c:dLbl>
            <c:dLbl>
              <c:idx val="8"/>
              <c:layout>
                <c:manualLayout>
                  <c:x val="-3.2305139017148755E-3"/>
                  <c:y val="-1.1112385220757917E-3"/>
                </c:manualLayout>
              </c:layout>
              <c:spPr>
                <a:noFill/>
                <a:ln w="25400">
                  <a:noFill/>
                </a:ln>
              </c:spPr>
              <c:txPr>
                <a:bodyPr anchor="b" anchorCtr="1"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ＭＳ Ｐゴシック"/>
                      <a:ea typeface="ＭＳ Ｐゴシック"/>
                      <a:cs typeface="ＭＳ Ｐゴシック"/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6184-424D-B66F-23C49BEE4C3E}"/>
                </c:ext>
              </c:extLst>
            </c:dLbl>
            <c:dLbl>
              <c:idx val="9"/>
              <c:layout>
                <c:manualLayout>
                  <c:x val="-1.2975734511075953E-3"/>
                  <c:y val="4.000473301493051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6184-424D-B66F-23C49BEE4C3E}"/>
                </c:ext>
              </c:extLst>
            </c:dLbl>
            <c:dLbl>
              <c:idx val="10"/>
              <c:layout>
                <c:manualLayout>
                  <c:x val="-6.1086235438568626E-7"/>
                  <c:y val="-4.6834104753299279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6184-424D-B66F-23C49BEE4C3E}"/>
                </c:ext>
              </c:extLst>
            </c:dLbl>
            <c:dLbl>
              <c:idx val="11"/>
              <c:layout>
                <c:manualLayout>
                  <c:x val="0"/>
                  <c:y val="-1.940689790825327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6184-424D-B66F-23C49BEE4C3E}"/>
                </c:ext>
              </c:extLst>
            </c:dLbl>
            <c:dLbl>
              <c:idx val="12"/>
              <c:layout>
                <c:manualLayout>
                  <c:x val="-1.2895990687266945E-3"/>
                  <c:y val="1.9483269930886552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C-6184-424D-B66F-23C49BEE4C3E}"/>
                </c:ext>
              </c:extLst>
            </c:dLbl>
            <c:dLbl>
              <c:idx val="13"/>
              <c:layout>
                <c:manualLayout>
                  <c:x val="-1.2927883626649074E-3"/>
                  <c:y val="1.2379600090972236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6184-424D-B66F-23C49BEE4C3E}"/>
                </c:ext>
              </c:extLst>
            </c:dLbl>
            <c:dLbl>
              <c:idx val="14"/>
              <c:layout>
                <c:manualLayout>
                  <c:x val="1.2930358529960912E-3"/>
                  <c:y val="4.0324295460942034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E-6184-424D-B66F-23C49BEE4C3E}"/>
                </c:ext>
              </c:extLst>
            </c:dLbl>
            <c:dLbl>
              <c:idx val="15"/>
              <c:layout>
                <c:manualLayout>
                  <c:x val="0"/>
                  <c:y val="1.1709601873536301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F-6184-424D-B66F-23C49BEE4C3E}"/>
                </c:ext>
              </c:extLst>
            </c:dLbl>
            <c:dLbl>
              <c:idx val="16"/>
              <c:layout>
                <c:manualLayout>
                  <c:x val="-1.9390807336049161E-3"/>
                  <c:y val="-9.8248477137079173E-4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2.6663547718281597E-2"/>
                      <c:h val="2.4174311708315466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10-6184-424D-B66F-23C49BEE4C3E}"/>
                </c:ext>
              </c:extLst>
            </c:dLbl>
            <c:dLbl>
              <c:idx val="17"/>
              <c:layout>
                <c:manualLayout>
                  <c:x val="0"/>
                  <c:y val="5.8449809792659657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6184-424D-B66F-23C49BEE4C3E}"/>
                </c:ext>
              </c:extLst>
            </c:dLbl>
            <c:dLbl>
              <c:idx val="18"/>
              <c:layout>
                <c:manualLayout>
                  <c:x val="4.2760364806523945E-6"/>
                  <c:y val="5.6857646892499094E-6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3.3130746137332939E-2"/>
                      <c:h val="2.2222734453275307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12-6184-424D-B66F-23C49BEE4C3E}"/>
                </c:ext>
              </c:extLst>
            </c:dLbl>
            <c:dLbl>
              <c:idx val="19"/>
              <c:layout>
                <c:manualLayout>
                  <c:x val="-1.0999789898516097E-3"/>
                  <c:y val="7.4911506944741867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6184-424D-B66F-23C49BEE4C3E}"/>
                </c:ext>
              </c:extLst>
            </c:dLbl>
            <c:dLbl>
              <c:idx val="20"/>
              <c:layout>
                <c:manualLayout>
                  <c:x val="-4.7409158385179183E-17"/>
                  <c:y val="-7.698832727876228E-5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4-6184-424D-B66F-23C49BEE4C3E}"/>
                </c:ext>
              </c:extLst>
            </c:dLbl>
            <c:dLbl>
              <c:idx val="21"/>
              <c:layout>
                <c:manualLayout>
                  <c:x val="-9.4818316770358365E-17"/>
                  <c:y val="9.5351810531880239E-4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6184-424D-B66F-23C49BEE4C3E}"/>
                </c:ext>
              </c:extLst>
            </c:dLbl>
            <c:dLbl>
              <c:idx val="22"/>
              <c:layout>
                <c:manualLayout>
                  <c:x val="-1.9399461219403431E-3"/>
                  <c:y val="1.7596212358701065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3.1834650132168484E-2"/>
                      <c:h val="4.1720183109512178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16-6184-424D-B66F-23C49BEE4C3E}"/>
                </c:ext>
              </c:extLst>
            </c:dLbl>
            <c:dLbl>
              <c:idx val="23"/>
              <c:layout>
                <c:manualLayout>
                  <c:x val="-9.2138405119841012E-5"/>
                  <c:y val="1.1042369703787027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7-6184-424D-B66F-23C49BEE4C3E}"/>
                </c:ext>
              </c:extLst>
            </c:dLbl>
            <c:dLbl>
              <c:idx val="24"/>
              <c:layout>
                <c:manualLayout>
                  <c:x val="-1.2929919834497026E-3"/>
                  <c:y val="7.7933393571705178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8-6184-424D-B66F-23C49BEE4C3E}"/>
                </c:ext>
              </c:extLst>
            </c:dLbl>
            <c:dLbl>
              <c:idx val="25"/>
              <c:layout>
                <c:manualLayout>
                  <c:x val="-6.1086235448050461E-7"/>
                  <c:y val="3.912574452783566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2.7959578966235014E-2"/>
                      <c:h val="2.2222734453275307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19-6184-424D-B66F-23C49BEE4C3E}"/>
                </c:ext>
              </c:extLst>
            </c:dLbl>
            <c:dLbl>
              <c:idx val="26"/>
              <c:layout>
                <c:manualLayout>
                  <c:x val="-2.5864930188613934E-3"/>
                  <c:y val="-1.9469902327781366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A-6184-424D-B66F-23C49BEE4C3E}"/>
                </c:ext>
              </c:extLst>
            </c:dLbl>
            <c:dLbl>
              <c:idx val="27"/>
              <c:layout>
                <c:manualLayout>
                  <c:x val="-2.5841513798363432E-3"/>
                  <c:y val="-3.605850498195922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B-6184-424D-B66F-23C49BEE4C3E}"/>
                </c:ext>
              </c:extLst>
            </c:dLbl>
            <c:dLbl>
              <c:idx val="28"/>
              <c:layout>
                <c:manualLayout>
                  <c:x val="-2.7488805947355882E-6"/>
                  <c:y val="-1.9626645030026983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C-6184-424D-B66F-23C49BEE4C3E}"/>
                </c:ext>
              </c:extLst>
            </c:dLbl>
            <c:dLbl>
              <c:idx val="29"/>
              <c:layout>
                <c:manualLayout>
                  <c:x val="-2.2649021399406179E-4"/>
                  <c:y val="-4.5556327696702958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D-6184-424D-B66F-23C49BEE4C3E}"/>
                </c:ext>
              </c:extLst>
            </c:dLbl>
            <c:dLbl>
              <c:idx val="30"/>
              <c:layout>
                <c:manualLayout>
                  <c:x val="-9.4818316770358365E-17"/>
                  <c:y val="-3.896592843927296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E-6184-424D-B66F-23C49BEE4C3E}"/>
                </c:ext>
              </c:extLst>
            </c:dLbl>
            <c:dLbl>
              <c:idx val="31"/>
              <c:layout>
                <c:manualLayout>
                  <c:x val="-8.9722204959041168E-4"/>
                  <c:y val="1.1648540833482015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F-6184-424D-B66F-23C49BEE4C3E}"/>
                </c:ext>
              </c:extLst>
            </c:dLbl>
            <c:dLbl>
              <c:idx val="32"/>
              <c:layout>
                <c:manualLayout>
                  <c:x val="1.2897218028336012E-3"/>
                  <c:y val="3.8610127513815924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0-6184-424D-B66F-23C49BEE4C3E}"/>
                </c:ext>
              </c:extLst>
            </c:dLbl>
            <c:dLbl>
              <c:idx val="33"/>
              <c:layout>
                <c:manualLayout>
                  <c:x val="2.58524582687954E-3"/>
                  <c:y val="4.9507602673665363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1-6184-424D-B66F-23C49BEE4C3E}"/>
                </c:ext>
              </c:extLst>
            </c:dLbl>
            <c:dLbl>
              <c:idx val="34"/>
              <c:layout>
                <c:manualLayout>
                  <c:x val="2.5842531902285511E-3"/>
                  <c:y val="3.3610552779263247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2-6184-424D-B66F-23C49BEE4C3E}"/>
                </c:ext>
              </c:extLst>
            </c:dLbl>
            <c:dLbl>
              <c:idx val="35"/>
              <c:layout>
                <c:manualLayout>
                  <c:x val="-1.2959444848292334E-3"/>
                  <c:y val="-2.1784469564255289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3-6184-424D-B66F-23C49BEE4C3E}"/>
                </c:ext>
              </c:extLst>
            </c:dLbl>
            <c:dLbl>
              <c:idx val="36"/>
              <c:layout>
                <c:manualLayout>
                  <c:x val="-1.2928172519562835E-3"/>
                  <c:y val="-3.3206402478378728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3.3130746137332939E-2"/>
                      <c:h val="2.0273131842126292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24-6184-424D-B66F-23C49BEE4C3E}"/>
                </c:ext>
              </c:extLst>
            </c:dLbl>
            <c:dLbl>
              <c:idx val="37"/>
              <c:layout>
                <c:manualLayout>
                  <c:x val="-1.2068603914814156E-3"/>
                  <c:y val="7.6398237105606984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5-6184-424D-B66F-23C49BEE4C3E}"/>
                </c:ext>
              </c:extLst>
            </c:dLbl>
            <c:dLbl>
              <c:idx val="38"/>
              <c:layout>
                <c:manualLayout>
                  <c:x val="-1.293093793842195E-3"/>
                  <c:y val="5.8618697253008025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6-6184-424D-B66F-23C49BEE4C3E}"/>
                </c:ext>
              </c:extLst>
            </c:dLbl>
            <c:dLbl>
              <c:idx val="39"/>
              <c:layout>
                <c:manualLayout>
                  <c:x val="-2.58364232787426E-3"/>
                  <c:y val="5.177733930799777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7-6184-424D-B66F-23C49BEE4C3E}"/>
                </c:ext>
              </c:extLst>
            </c:dLbl>
            <c:dLbl>
              <c:idx val="40"/>
              <c:layout>
                <c:manualLayout>
                  <c:x val="-1.2928901730573049E-3"/>
                  <c:y val="4.6740059131952765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8-6184-424D-B66F-23C49BEE4C3E}"/>
                </c:ext>
              </c:extLst>
            </c:dLbl>
            <c:dLbl>
              <c:idx val="41"/>
              <c:layout>
                <c:manualLayout>
                  <c:x val="7.5186974785628738E-4"/>
                  <c:y val="5.4010154468396368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9-6184-424D-B66F-23C49BEE4C3E}"/>
                </c:ext>
              </c:extLst>
            </c:dLbl>
            <c:dLbl>
              <c:idx val="42"/>
              <c:layout>
                <c:manualLayout>
                  <c:x val="-2.5858821565069127E-3"/>
                  <c:y val="7.8191558022460313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A-6184-424D-B66F-23C49BEE4C3E}"/>
                </c:ext>
              </c:extLst>
            </c:dLbl>
            <c:dLbl>
              <c:idx val="43"/>
              <c:layout>
                <c:manualLayout>
                  <c:x val="3.0543117709802483E-7"/>
                  <c:y val="-3.9028932858802485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B-6184-424D-B66F-23C49BEE4C3E}"/>
                </c:ext>
              </c:extLst>
            </c:dLbl>
            <c:dLbl>
              <c:idx val="44"/>
              <c:layout>
                <c:manualLayout>
                  <c:x val="-1.0702308448838171E-3"/>
                  <c:y val="-2.8899205222298031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C-6184-424D-B66F-23C49BEE4C3E}"/>
                </c:ext>
              </c:extLst>
            </c:dLbl>
            <c:dLbl>
              <c:idx val="45"/>
              <c:layout>
                <c:manualLayout>
                  <c:x val="1.2895990687266945E-3"/>
                  <c:y val="1.948633816237173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D-6184-424D-B66F-23C49BEE4C3E}"/>
                </c:ext>
              </c:extLst>
            </c:dLbl>
            <c:dLbl>
              <c:idx val="46"/>
              <c:layout>
                <c:manualLayout>
                  <c:x val="-1.8963663354071673E-16"/>
                  <c:y val="-5.8354386029613719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E-6184-424D-B66F-23C49BEE4C3E}"/>
                </c:ext>
              </c:extLst>
            </c:dLbl>
            <c:dLbl>
              <c:idx val="47"/>
              <c:layout>
                <c:manualLayout>
                  <c:x val="8.9776404016216364E-4"/>
                  <c:y val="8.8920749660390819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F-6184-424D-B66F-23C49BEE4C3E}"/>
                </c:ext>
              </c:extLst>
            </c:dLbl>
            <c:dLbl>
              <c:idx val="48"/>
              <c:layout>
                <c:manualLayout>
                  <c:x val="-1.2951300016900524E-3"/>
                  <c:y val="-2.9270931297522163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30-6184-424D-B66F-23C49BEE4C3E}"/>
                </c:ext>
              </c:extLst>
            </c:dLbl>
            <c:dLbl>
              <c:idx val="49"/>
              <c:layout>
                <c:manualLayout>
                  <c:x val="-2.5922962112280572E-3"/>
                  <c:y val="3.1410008175200452E-4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31-6184-424D-B66F-23C49BEE4C3E}"/>
                </c:ext>
              </c:extLst>
            </c:dLbl>
            <c:spPr>
              <a:noFill/>
              <a:ln w="25400">
                <a:noFill/>
              </a:ln>
            </c:spPr>
            <c:txPr>
              <a:bodyPr/>
              <a:lstStyle/>
              <a:p>
                <a:pPr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1]地区別人口・世帯集計表 (集計用)'!$A$3:$A$52</c:f>
              <c:strCache>
                <c:ptCount val="50"/>
                <c:pt idx="0">
                  <c:v>総曲輪</c:v>
                </c:pt>
                <c:pt idx="1">
                  <c:v>愛宕</c:v>
                </c:pt>
                <c:pt idx="2">
                  <c:v>安野屋</c:v>
                </c:pt>
                <c:pt idx="3">
                  <c:v>八人町</c:v>
                </c:pt>
                <c:pt idx="4">
                  <c:v>五番町</c:v>
                </c:pt>
                <c:pt idx="5">
                  <c:v>柳町</c:v>
                </c:pt>
                <c:pt idx="6">
                  <c:v>清水町</c:v>
                </c:pt>
                <c:pt idx="7">
                  <c:v>星井町</c:v>
                </c:pt>
                <c:pt idx="8">
                  <c:v>西田地方</c:v>
                </c:pt>
                <c:pt idx="9">
                  <c:v>堀川</c:v>
                </c:pt>
                <c:pt idx="10">
                  <c:v>堀川南</c:v>
                </c:pt>
                <c:pt idx="11">
                  <c:v>東部</c:v>
                </c:pt>
                <c:pt idx="12">
                  <c:v>奥田</c:v>
                </c:pt>
                <c:pt idx="13">
                  <c:v>奥田北</c:v>
                </c:pt>
                <c:pt idx="14">
                  <c:v>桜谷</c:v>
                </c:pt>
                <c:pt idx="15">
                  <c:v>五福</c:v>
                </c:pt>
                <c:pt idx="16">
                  <c:v>神明</c:v>
                </c:pt>
                <c:pt idx="17">
                  <c:v>岩瀬</c:v>
                </c:pt>
                <c:pt idx="18">
                  <c:v>萩浦</c:v>
                </c:pt>
                <c:pt idx="19">
                  <c:v>大広田</c:v>
                </c:pt>
                <c:pt idx="20">
                  <c:v>浜黒崎</c:v>
                </c:pt>
                <c:pt idx="21">
                  <c:v>針原</c:v>
                </c:pt>
                <c:pt idx="22">
                  <c:v>豊田</c:v>
                </c:pt>
                <c:pt idx="23">
                  <c:v>広田</c:v>
                </c:pt>
                <c:pt idx="24">
                  <c:v>新庄</c:v>
                </c:pt>
                <c:pt idx="25">
                  <c:v>藤ノ木</c:v>
                </c:pt>
                <c:pt idx="26">
                  <c:v>山室</c:v>
                </c:pt>
                <c:pt idx="27">
                  <c:v>山室中部</c:v>
                </c:pt>
                <c:pt idx="28">
                  <c:v>太田</c:v>
                </c:pt>
                <c:pt idx="29">
                  <c:v>蜷川</c:v>
                </c:pt>
                <c:pt idx="30">
                  <c:v>新保</c:v>
                </c:pt>
                <c:pt idx="31">
                  <c:v>熊野</c:v>
                </c:pt>
                <c:pt idx="32">
                  <c:v>月岡</c:v>
                </c:pt>
                <c:pt idx="33">
                  <c:v>四方</c:v>
                </c:pt>
                <c:pt idx="34">
                  <c:v>八幡</c:v>
                </c:pt>
                <c:pt idx="35">
                  <c:v>草島</c:v>
                </c:pt>
                <c:pt idx="36">
                  <c:v>倉垣</c:v>
                </c:pt>
                <c:pt idx="37">
                  <c:v>呉羽</c:v>
                </c:pt>
                <c:pt idx="38">
                  <c:v>長岡</c:v>
                </c:pt>
                <c:pt idx="39">
                  <c:v>寒江</c:v>
                </c:pt>
                <c:pt idx="40">
                  <c:v>古沢</c:v>
                </c:pt>
                <c:pt idx="41">
                  <c:v>老田</c:v>
                </c:pt>
                <c:pt idx="42">
                  <c:v>池多</c:v>
                </c:pt>
                <c:pt idx="43">
                  <c:v>水橋中部</c:v>
                </c:pt>
                <c:pt idx="44">
                  <c:v>水橋西部</c:v>
                </c:pt>
                <c:pt idx="45">
                  <c:v>水橋東部</c:v>
                </c:pt>
                <c:pt idx="46">
                  <c:v>三郷</c:v>
                </c:pt>
                <c:pt idx="47">
                  <c:v>上条</c:v>
                </c:pt>
                <c:pt idx="48">
                  <c:v>光陽</c:v>
                </c:pt>
                <c:pt idx="49">
                  <c:v>新庄北</c:v>
                </c:pt>
              </c:strCache>
            </c:strRef>
          </c:cat>
          <c:val>
            <c:numRef>
              <c:f>'[1]地区別人口・世帯集計表 (集計用)'!$I$3:$I$52</c:f>
              <c:numCache>
                <c:formatCode>#,##0.0_ </c:formatCode>
                <c:ptCount val="50"/>
                <c:pt idx="0">
                  <c:v>-0.1</c:v>
                </c:pt>
                <c:pt idx="1">
                  <c:v>0.5</c:v>
                </c:pt>
                <c:pt idx="2">
                  <c:v>-2</c:v>
                </c:pt>
                <c:pt idx="3">
                  <c:v>-1.8</c:v>
                </c:pt>
                <c:pt idx="4">
                  <c:v>0.4</c:v>
                </c:pt>
                <c:pt idx="5">
                  <c:v>-1</c:v>
                </c:pt>
                <c:pt idx="6">
                  <c:v>-1.7</c:v>
                </c:pt>
                <c:pt idx="7">
                  <c:v>-0.2</c:v>
                </c:pt>
                <c:pt idx="8">
                  <c:v>-0.7</c:v>
                </c:pt>
                <c:pt idx="9">
                  <c:v>-0.4</c:v>
                </c:pt>
                <c:pt idx="10">
                  <c:v>-0.1</c:v>
                </c:pt>
                <c:pt idx="11">
                  <c:v>-1.4</c:v>
                </c:pt>
                <c:pt idx="12">
                  <c:v>-1.1000000000000001</c:v>
                </c:pt>
                <c:pt idx="13">
                  <c:v>-1.6</c:v>
                </c:pt>
                <c:pt idx="14">
                  <c:v>0.7</c:v>
                </c:pt>
                <c:pt idx="15">
                  <c:v>0.1</c:v>
                </c:pt>
                <c:pt idx="16">
                  <c:v>-1.9</c:v>
                </c:pt>
                <c:pt idx="17">
                  <c:v>-2</c:v>
                </c:pt>
                <c:pt idx="18">
                  <c:v>-0.5</c:v>
                </c:pt>
                <c:pt idx="19">
                  <c:v>-0.1</c:v>
                </c:pt>
                <c:pt idx="20">
                  <c:v>-1.9</c:v>
                </c:pt>
                <c:pt idx="21">
                  <c:v>-0.8</c:v>
                </c:pt>
                <c:pt idx="22">
                  <c:v>-0.6</c:v>
                </c:pt>
                <c:pt idx="23">
                  <c:v>0.1</c:v>
                </c:pt>
                <c:pt idx="24">
                  <c:v>0.5</c:v>
                </c:pt>
                <c:pt idx="25">
                  <c:v>0.7</c:v>
                </c:pt>
                <c:pt idx="26">
                  <c:v>-0.3</c:v>
                </c:pt>
                <c:pt idx="27">
                  <c:v>-0.4</c:v>
                </c:pt>
                <c:pt idx="28">
                  <c:v>-0.6</c:v>
                </c:pt>
                <c:pt idx="29">
                  <c:v>0</c:v>
                </c:pt>
                <c:pt idx="30">
                  <c:v>2.2000000000000002</c:v>
                </c:pt>
                <c:pt idx="31">
                  <c:v>-1.3</c:v>
                </c:pt>
                <c:pt idx="32">
                  <c:v>-1.2</c:v>
                </c:pt>
                <c:pt idx="33">
                  <c:v>-1.9</c:v>
                </c:pt>
                <c:pt idx="34">
                  <c:v>-1.6</c:v>
                </c:pt>
                <c:pt idx="35">
                  <c:v>-0.1</c:v>
                </c:pt>
                <c:pt idx="36">
                  <c:v>-1.6</c:v>
                </c:pt>
                <c:pt idx="37">
                  <c:v>-1</c:v>
                </c:pt>
                <c:pt idx="38">
                  <c:v>-1</c:v>
                </c:pt>
                <c:pt idx="39">
                  <c:v>0.1</c:v>
                </c:pt>
                <c:pt idx="40">
                  <c:v>-1.5</c:v>
                </c:pt>
                <c:pt idx="41">
                  <c:v>0.3</c:v>
                </c:pt>
                <c:pt idx="42">
                  <c:v>-2.8</c:v>
                </c:pt>
                <c:pt idx="43">
                  <c:v>-2.9</c:v>
                </c:pt>
                <c:pt idx="44">
                  <c:v>-0.4</c:v>
                </c:pt>
                <c:pt idx="45">
                  <c:v>-1.2</c:v>
                </c:pt>
                <c:pt idx="46">
                  <c:v>-0.9</c:v>
                </c:pt>
                <c:pt idx="47">
                  <c:v>-1.7</c:v>
                </c:pt>
                <c:pt idx="48">
                  <c:v>-0.1</c:v>
                </c:pt>
                <c:pt idx="49">
                  <c:v>0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32-6184-424D-B66F-23C49BEE4C3E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471201968"/>
        <c:axId val="471202360"/>
      </c:barChart>
      <c:catAx>
        <c:axId val="471201968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wordArtVertRtl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2360"/>
        <c:crossesAt val="0"/>
        <c:auto val="0"/>
        <c:lblAlgn val="ctr"/>
        <c:lblOffset val="100"/>
        <c:tickLblSkip val="1"/>
        <c:tickMarkSkip val="1"/>
        <c:noMultiLvlLbl val="0"/>
      </c:catAx>
      <c:valAx>
        <c:axId val="471202360"/>
        <c:scaling>
          <c:orientation val="minMax"/>
          <c:max val="3"/>
          <c:min val="-4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％</a:t>
                </a:r>
              </a:p>
            </c:rich>
          </c:tx>
          <c:layout>
            <c:manualLayout>
              <c:xMode val="edge"/>
              <c:yMode val="edge"/>
              <c:x val="3.643452731673847E-2"/>
              <c:y val="0.12023575455434934"/>
            </c:manualLayout>
          </c:layout>
          <c:overlay val="0"/>
          <c:spPr>
            <a:noFill/>
            <a:ln w="25400">
              <a:noFill/>
            </a:ln>
          </c:spPr>
        </c:title>
        <c:numFmt formatCode="#,##0.0_ 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1968"/>
        <c:crosses val="autoZero"/>
        <c:crossBetween val="between"/>
        <c:majorUnit val="1"/>
        <c:minorUnit val="1"/>
      </c:valAx>
      <c:spPr>
        <a:solidFill>
          <a:srgbClr val="FFFFCC"/>
        </a:solidFill>
        <a:ln w="12700">
          <a:solidFill>
            <a:srgbClr val="FFFFCC"/>
          </a:solidFill>
          <a:prstDash val="solid"/>
        </a:ln>
      </c:spPr>
    </c:plotArea>
    <c:plotVisOnly val="1"/>
    <c:dispBlanksAs val="gap"/>
    <c:showDLblsOverMax val="0"/>
  </c:chart>
  <c:spPr>
    <a:noFill/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</c:chartSpace>
</file>

<file path=xl/chart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4EEE0040-163D-44E9-91E6-70887ACB0E30}">
  <sheetPr codeName="Graph95"/>
  <sheetViews>
    <sheetView tabSelected="1" workbookViewId="0"/>
  </sheetViews>
  <pageMargins left="0.39370078740157483" right="0.43307086614173229" top="0.51181102362204722" bottom="0.51181102362204722" header="0.51181102362204722" footer="0.51181102362204722"/>
  <pageSetup paperSize="9" orientation="landscape" r:id="rId1"/>
  <headerFooter alignWithMargins="0"/>
  <drawing r:id="rId2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822180" cy="650748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838B41F-6115-4442-A4E0-00EA49079F93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08&#20225;&#30011;&#35519;&#25972;/s1/&#12288;&#20225;&#30011;&#35519;&#25972;&#35506;&#12501;&#12457;&#12523;&#12480;/04&#32113;&#35336;&#35519;&#26619;/04&#12288;&#30476;&#31561;&#22996;&#35351;&#32113;&#35336;/06&#12288;&#20154;&#21475;&#35519;&#26619;/&#20154;&#21475;&#12398;&#25512;&#31227;/R4/&#9675;hp%20R04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I2" t="str">
            <v>人口の
増減率
（R04/R03）</v>
          </cell>
        </row>
        <row r="3">
          <cell r="A3" t="str">
            <v>総曲輪</v>
          </cell>
          <cell r="I3">
            <v>-0.1</v>
          </cell>
        </row>
        <row r="4">
          <cell r="A4" t="str">
            <v>愛宕</v>
          </cell>
          <cell r="I4">
            <v>0.5</v>
          </cell>
        </row>
        <row r="5">
          <cell r="A5" t="str">
            <v>安野屋</v>
          </cell>
          <cell r="I5">
            <v>-2</v>
          </cell>
        </row>
        <row r="6">
          <cell r="A6" t="str">
            <v>八人町</v>
          </cell>
          <cell r="I6">
            <v>-1.8</v>
          </cell>
        </row>
        <row r="7">
          <cell r="A7" t="str">
            <v>五番町</v>
          </cell>
          <cell r="I7">
            <v>0.4</v>
          </cell>
        </row>
        <row r="8">
          <cell r="A8" t="str">
            <v>柳町</v>
          </cell>
          <cell r="I8">
            <v>-1</v>
          </cell>
        </row>
        <row r="9">
          <cell r="A9" t="str">
            <v>清水町</v>
          </cell>
          <cell r="I9">
            <v>-1.7</v>
          </cell>
        </row>
        <row r="10">
          <cell r="A10" t="str">
            <v>星井町</v>
          </cell>
          <cell r="I10">
            <v>-0.2</v>
          </cell>
        </row>
        <row r="11">
          <cell r="A11" t="str">
            <v>西田地方</v>
          </cell>
          <cell r="I11">
            <v>-0.7</v>
          </cell>
        </row>
        <row r="12">
          <cell r="A12" t="str">
            <v>堀川</v>
          </cell>
          <cell r="I12">
            <v>-0.4</v>
          </cell>
        </row>
        <row r="13">
          <cell r="A13" t="str">
            <v>堀川南</v>
          </cell>
          <cell r="I13">
            <v>-0.1</v>
          </cell>
        </row>
        <row r="14">
          <cell r="A14" t="str">
            <v>東部</v>
          </cell>
          <cell r="I14">
            <v>-1.4</v>
          </cell>
        </row>
        <row r="15">
          <cell r="A15" t="str">
            <v>奥田</v>
          </cell>
          <cell r="I15">
            <v>-1.1000000000000001</v>
          </cell>
        </row>
        <row r="16">
          <cell r="A16" t="str">
            <v>奥田北</v>
          </cell>
          <cell r="I16">
            <v>-1.6</v>
          </cell>
        </row>
        <row r="17">
          <cell r="A17" t="str">
            <v>桜谷</v>
          </cell>
          <cell r="I17">
            <v>0.7</v>
          </cell>
        </row>
        <row r="18">
          <cell r="A18" t="str">
            <v>五福</v>
          </cell>
          <cell r="I18">
            <v>0.1</v>
          </cell>
        </row>
        <row r="19">
          <cell r="A19" t="str">
            <v>神明</v>
          </cell>
          <cell r="I19">
            <v>-1.9</v>
          </cell>
        </row>
        <row r="20">
          <cell r="A20" t="str">
            <v>岩瀬</v>
          </cell>
          <cell r="I20">
            <v>-2</v>
          </cell>
        </row>
        <row r="21">
          <cell r="A21" t="str">
            <v>萩浦</v>
          </cell>
          <cell r="I21">
            <v>-0.5</v>
          </cell>
        </row>
        <row r="22">
          <cell r="A22" t="str">
            <v>大広田</v>
          </cell>
          <cell r="I22">
            <v>-0.1</v>
          </cell>
        </row>
        <row r="23">
          <cell r="A23" t="str">
            <v>浜黒崎</v>
          </cell>
          <cell r="I23">
            <v>-1.9</v>
          </cell>
        </row>
        <row r="24">
          <cell r="A24" t="str">
            <v>針原</v>
          </cell>
          <cell r="I24">
            <v>-0.8</v>
          </cell>
        </row>
        <row r="25">
          <cell r="A25" t="str">
            <v>豊田</v>
          </cell>
          <cell r="I25">
            <v>-0.6</v>
          </cell>
        </row>
        <row r="26">
          <cell r="A26" t="str">
            <v>広田</v>
          </cell>
          <cell r="I26">
            <v>0.1</v>
          </cell>
        </row>
        <row r="27">
          <cell r="A27" t="str">
            <v>新庄</v>
          </cell>
          <cell r="I27">
            <v>0.5</v>
          </cell>
        </row>
        <row r="28">
          <cell r="A28" t="str">
            <v>藤ノ木</v>
          </cell>
          <cell r="I28">
            <v>0.7</v>
          </cell>
        </row>
        <row r="29">
          <cell r="A29" t="str">
            <v>山室</v>
          </cell>
          <cell r="I29">
            <v>-0.3</v>
          </cell>
        </row>
        <row r="30">
          <cell r="A30" t="str">
            <v>山室中部</v>
          </cell>
          <cell r="I30">
            <v>-0.4</v>
          </cell>
        </row>
        <row r="31">
          <cell r="A31" t="str">
            <v>太田</v>
          </cell>
          <cell r="I31">
            <v>-0.6</v>
          </cell>
        </row>
        <row r="32">
          <cell r="A32" t="str">
            <v>蜷川</v>
          </cell>
          <cell r="I32">
            <v>0</v>
          </cell>
        </row>
        <row r="33">
          <cell r="A33" t="str">
            <v>新保</v>
          </cell>
          <cell r="I33">
            <v>2.2000000000000002</v>
          </cell>
        </row>
        <row r="34">
          <cell r="A34" t="str">
            <v>熊野</v>
          </cell>
          <cell r="I34">
            <v>-1.3</v>
          </cell>
        </row>
        <row r="35">
          <cell r="A35" t="str">
            <v>月岡</v>
          </cell>
          <cell r="I35">
            <v>-1.2</v>
          </cell>
        </row>
        <row r="36">
          <cell r="A36" t="str">
            <v>四方</v>
          </cell>
          <cell r="I36">
            <v>-1.9</v>
          </cell>
        </row>
        <row r="37">
          <cell r="A37" t="str">
            <v>八幡</v>
          </cell>
          <cell r="I37">
            <v>-1.6</v>
          </cell>
        </row>
        <row r="38">
          <cell r="A38" t="str">
            <v>草島</v>
          </cell>
          <cell r="I38">
            <v>-0.1</v>
          </cell>
        </row>
        <row r="39">
          <cell r="A39" t="str">
            <v>倉垣</v>
          </cell>
          <cell r="I39">
            <v>-1.6</v>
          </cell>
        </row>
        <row r="40">
          <cell r="A40" t="str">
            <v>呉羽</v>
          </cell>
          <cell r="I40">
            <v>-1</v>
          </cell>
        </row>
        <row r="41">
          <cell r="A41" t="str">
            <v>長岡</v>
          </cell>
          <cell r="I41">
            <v>-1</v>
          </cell>
        </row>
        <row r="42">
          <cell r="A42" t="str">
            <v>寒江</v>
          </cell>
          <cell r="I42">
            <v>0.1</v>
          </cell>
        </row>
        <row r="43">
          <cell r="A43" t="str">
            <v>古沢</v>
          </cell>
          <cell r="I43">
            <v>-1.5</v>
          </cell>
        </row>
        <row r="44">
          <cell r="A44" t="str">
            <v>老田</v>
          </cell>
          <cell r="I44">
            <v>0.3</v>
          </cell>
        </row>
        <row r="45">
          <cell r="A45" t="str">
            <v>池多</v>
          </cell>
          <cell r="I45">
            <v>-2.8</v>
          </cell>
        </row>
        <row r="46">
          <cell r="A46" t="str">
            <v>水橋中部</v>
          </cell>
          <cell r="I46">
            <v>-2.9</v>
          </cell>
        </row>
        <row r="47">
          <cell r="A47" t="str">
            <v>水橋西部</v>
          </cell>
          <cell r="I47">
            <v>-0.4</v>
          </cell>
        </row>
        <row r="48">
          <cell r="A48" t="str">
            <v>水橋東部</v>
          </cell>
          <cell r="I48">
            <v>-1.2</v>
          </cell>
        </row>
        <row r="49">
          <cell r="A49" t="str">
            <v>三郷</v>
          </cell>
          <cell r="I49">
            <v>-0.9</v>
          </cell>
        </row>
        <row r="50">
          <cell r="A50" t="str">
            <v>上条</v>
          </cell>
          <cell r="I50">
            <v>-1.7</v>
          </cell>
        </row>
        <row r="51">
          <cell r="A51" t="str">
            <v>光陽</v>
          </cell>
          <cell r="I51">
            <v>-0.1</v>
          </cell>
        </row>
        <row r="52">
          <cell r="A52" t="str">
            <v>新庄北</v>
          </cell>
          <cell r="I52">
            <v>0.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２) 富山地域人口増減率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27T06:59:50Z</dcterms:created>
  <dcterms:modified xsi:type="dcterms:W3CDTF">2022-10-27T07:00:10Z</dcterms:modified>
</cp:coreProperties>
</file>